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3地域包括ケアＧ（事業）\16_病棟等[転換]準備経費支援事業費補助\04_公表・周知\再度起案\様式\"/>
    </mc:Choice>
  </mc:AlternateContent>
  <bookViews>
    <workbookView xWindow="480" yWindow="30" windowWidth="8490" windowHeight="4725"/>
  </bookViews>
  <sheets>
    <sheet name="様式１別紙２" sheetId="11" r:id="rId1"/>
  </sheets>
  <externalReferences>
    <externalReference r:id="rId2"/>
  </externalReferences>
  <definedNames>
    <definedName name="事業分類">[1]事業分類・区分!$B$2:$H$2</definedName>
  </definedNames>
  <calcPr calcId="162913"/>
</workbook>
</file>

<file path=xl/calcChain.xml><?xml version="1.0" encoding="utf-8"?>
<calcChain xmlns="http://schemas.openxmlformats.org/spreadsheetml/2006/main">
  <c r="F20" i="11" l="1"/>
  <c r="E20" i="11"/>
  <c r="C20" i="11"/>
  <c r="B20" i="11"/>
  <c r="G9" i="11"/>
  <c r="G20" i="11" s="1"/>
  <c r="D9" i="11"/>
  <c r="H9" i="11" s="1"/>
  <c r="D20" i="11" l="1"/>
  <c r="J9" i="11"/>
  <c r="J20" i="11" s="1"/>
  <c r="H20" i="11"/>
</calcChain>
</file>

<file path=xl/comments1.xml><?xml version="1.0" encoding="utf-8"?>
<comments xmlns="http://schemas.openxmlformats.org/spreadsheetml/2006/main">
  <authors>
    <author>東京都</author>
  </authors>
  <commentList>
    <comment ref="F9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　前年度に同一補助対象病棟において、補助金の交付を受けていた場合には、その選定額を記載</t>
        </r>
      </text>
    </comment>
    <comment ref="K9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今年度の補助対象期間を記載
</t>
        </r>
      </text>
    </comment>
  </commentList>
</comments>
</file>

<file path=xl/sharedStrings.xml><?xml version="1.0" encoding="utf-8"?>
<sst xmlns="http://schemas.openxmlformats.org/spreadsheetml/2006/main" count="30" uniqueCount="30">
  <si>
    <t>（Ａ）</t>
    <phoneticPr fontId="1"/>
  </si>
  <si>
    <t>（Ｂ）</t>
    <phoneticPr fontId="1"/>
  </si>
  <si>
    <t>（Ｃ）</t>
    <phoneticPr fontId="1"/>
  </si>
  <si>
    <t>（Ｄ）</t>
    <phoneticPr fontId="1"/>
  </si>
  <si>
    <t>（Ｅ）</t>
    <phoneticPr fontId="1"/>
  </si>
  <si>
    <t>（Ｆ）</t>
    <phoneticPr fontId="1"/>
  </si>
  <si>
    <t>（Ｇ）</t>
    <phoneticPr fontId="1"/>
  </si>
  <si>
    <t>（Ｈ）</t>
    <phoneticPr fontId="1"/>
  </si>
  <si>
    <t>総事業費
（予定）</t>
    <rPh sb="0" eb="4">
      <t>ソウジギョウヒ</t>
    </rPh>
    <rPh sb="6" eb="7">
      <t>ヨ</t>
    </rPh>
    <rPh sb="7" eb="8">
      <t>サダム</t>
    </rPh>
    <phoneticPr fontId="1"/>
  </si>
  <si>
    <t>寄附金
その他の収入額　
（予定）</t>
    <rPh sb="0" eb="3">
      <t>キフキン</t>
    </rPh>
    <rPh sb="6" eb="7">
      <t>タ</t>
    </rPh>
    <rPh sb="8" eb="10">
      <t>シュウニュウ</t>
    </rPh>
    <rPh sb="10" eb="11">
      <t>ガク</t>
    </rPh>
    <rPh sb="14" eb="15">
      <t>ヨ</t>
    </rPh>
    <rPh sb="15" eb="16">
      <t>サダム</t>
    </rPh>
    <phoneticPr fontId="1"/>
  </si>
  <si>
    <t>差引事業費
（予定）</t>
    <rPh sb="0" eb="2">
      <t>サシヒ</t>
    </rPh>
    <rPh sb="2" eb="5">
      <t>ジギョウヒ</t>
    </rPh>
    <rPh sb="7" eb="8">
      <t>ヨ</t>
    </rPh>
    <rPh sb="8" eb="9">
      <t>サダム</t>
    </rPh>
    <phoneticPr fontId="1"/>
  </si>
  <si>
    <t>基準額</t>
    <rPh sb="0" eb="1">
      <t>モト</t>
    </rPh>
    <rPh sb="1" eb="2">
      <t>ジュン</t>
    </rPh>
    <rPh sb="2" eb="3">
      <t>ガク</t>
    </rPh>
    <phoneticPr fontId="1"/>
  </si>
  <si>
    <t>前年度の選定額</t>
    <rPh sb="0" eb="3">
      <t>ゼンネンド</t>
    </rPh>
    <rPh sb="4" eb="6">
      <t>センテイ</t>
    </rPh>
    <rPh sb="6" eb="7">
      <t>ガク</t>
    </rPh>
    <phoneticPr fontId="1"/>
  </si>
  <si>
    <t>基準額（差引後）</t>
    <rPh sb="0" eb="2">
      <t>キジュン</t>
    </rPh>
    <rPh sb="2" eb="3">
      <t>ガク</t>
    </rPh>
    <rPh sb="4" eb="6">
      <t>サシヒキ</t>
    </rPh>
    <rPh sb="6" eb="7">
      <t>ゴ</t>
    </rPh>
    <phoneticPr fontId="1"/>
  </si>
  <si>
    <t>選定額</t>
    <rPh sb="0" eb="1">
      <t>セン</t>
    </rPh>
    <rPh sb="1" eb="2">
      <t>サダム</t>
    </rPh>
    <rPh sb="2" eb="3">
      <t>ガク</t>
    </rPh>
    <phoneticPr fontId="1"/>
  </si>
  <si>
    <t>補助率</t>
    <rPh sb="0" eb="3">
      <t>ホジョリツ</t>
    </rPh>
    <phoneticPr fontId="1"/>
  </si>
  <si>
    <t>備考</t>
    <rPh sb="0" eb="1">
      <t>ソナエ</t>
    </rPh>
    <rPh sb="1" eb="2">
      <t>コウ</t>
    </rPh>
    <phoneticPr fontId="1"/>
  </si>
  <si>
    <t>Ａ－Ｂ</t>
    <phoneticPr fontId="1"/>
  </si>
  <si>
    <t>（Ｄ）－（Ｅ）</t>
    <phoneticPr fontId="1"/>
  </si>
  <si>
    <t>　　記入上の注意</t>
    <rPh sb="2" eb="4">
      <t>キニュウ</t>
    </rPh>
    <rPh sb="4" eb="5">
      <t>ウエ</t>
    </rPh>
    <rPh sb="6" eb="8">
      <t>チュウイ</t>
    </rPh>
    <phoneticPr fontId="1"/>
  </si>
  <si>
    <t>　　１　（Ｆ）「選定額」欄には、（Ｃ）「差引事業費（予定）」欄と（Ｄ）「基準額」欄とを比較して少ない方の額を記入すること。</t>
    <rPh sb="8" eb="10">
      <t>センテイ</t>
    </rPh>
    <rPh sb="10" eb="11">
      <t>ガク</t>
    </rPh>
    <rPh sb="12" eb="13">
      <t>ラン</t>
    </rPh>
    <rPh sb="20" eb="22">
      <t>サシヒキ</t>
    </rPh>
    <rPh sb="22" eb="24">
      <t>ジギョウ</t>
    </rPh>
    <rPh sb="24" eb="25">
      <t>ヒ</t>
    </rPh>
    <rPh sb="26" eb="28">
      <t>ヨテイ</t>
    </rPh>
    <rPh sb="30" eb="31">
      <t>ラン</t>
    </rPh>
    <rPh sb="36" eb="38">
      <t>キジュン</t>
    </rPh>
    <rPh sb="38" eb="39">
      <t>ガク</t>
    </rPh>
    <rPh sb="40" eb="41">
      <t>ラン</t>
    </rPh>
    <rPh sb="43" eb="45">
      <t>ヒカク</t>
    </rPh>
    <rPh sb="47" eb="48">
      <t>スク</t>
    </rPh>
    <rPh sb="50" eb="51">
      <t>ホウ</t>
    </rPh>
    <rPh sb="52" eb="53">
      <t>ガク</t>
    </rPh>
    <rPh sb="54" eb="56">
      <t>キニュウ</t>
    </rPh>
    <phoneticPr fontId="1"/>
  </si>
  <si>
    <t>　　　　ただし、前年度に、東京都地域医療構想推進事業（開設準備経費支援）費補助金の交付を受けている場合には、（Ｅ）「前年度の選定額」欄に補助額算定に使用し選定額を記入し、</t>
    <rPh sb="8" eb="11">
      <t>ゼンネンド</t>
    </rPh>
    <rPh sb="13" eb="16">
      <t>トウキョウト</t>
    </rPh>
    <rPh sb="16" eb="18">
      <t>チイキ</t>
    </rPh>
    <rPh sb="18" eb="20">
      <t>イリョウ</t>
    </rPh>
    <rPh sb="20" eb="22">
      <t>コウソウ</t>
    </rPh>
    <rPh sb="22" eb="24">
      <t>スイシン</t>
    </rPh>
    <rPh sb="24" eb="26">
      <t>ジギョウ</t>
    </rPh>
    <rPh sb="27" eb="29">
      <t>カイセツ</t>
    </rPh>
    <rPh sb="29" eb="31">
      <t>ジュンビ</t>
    </rPh>
    <rPh sb="31" eb="33">
      <t>ケイヒ</t>
    </rPh>
    <rPh sb="33" eb="35">
      <t>シエン</t>
    </rPh>
    <rPh sb="36" eb="37">
      <t>ヒ</t>
    </rPh>
    <rPh sb="37" eb="40">
      <t>ホジョキン</t>
    </rPh>
    <rPh sb="41" eb="43">
      <t>コウフ</t>
    </rPh>
    <rPh sb="44" eb="45">
      <t>ウ</t>
    </rPh>
    <rPh sb="49" eb="51">
      <t>バアイ</t>
    </rPh>
    <rPh sb="58" eb="61">
      <t>ゼンネンド</t>
    </rPh>
    <rPh sb="62" eb="64">
      <t>センテイ</t>
    </rPh>
    <rPh sb="64" eb="65">
      <t>ガク</t>
    </rPh>
    <rPh sb="66" eb="67">
      <t>ラン</t>
    </rPh>
    <rPh sb="68" eb="70">
      <t>ホジョ</t>
    </rPh>
    <rPh sb="70" eb="71">
      <t>ガク</t>
    </rPh>
    <rPh sb="71" eb="73">
      <t>サンテイ</t>
    </rPh>
    <rPh sb="74" eb="76">
      <t>シヨウ</t>
    </rPh>
    <rPh sb="77" eb="79">
      <t>センテイ</t>
    </rPh>
    <rPh sb="79" eb="80">
      <t>ガク</t>
    </rPh>
    <rPh sb="81" eb="83">
      <t>キニュウ</t>
    </rPh>
    <phoneticPr fontId="1"/>
  </si>
  <si>
    <t>　　　（Ｄ）「基準額」欄の金額から除いた額と（Ｃ）「差引事業費（予定）」欄を比較して少ない方の額を記入すること。</t>
    <rPh sb="7" eb="9">
      <t>キジュン</t>
    </rPh>
    <rPh sb="9" eb="10">
      <t>ガク</t>
    </rPh>
    <rPh sb="11" eb="12">
      <t>ラン</t>
    </rPh>
    <rPh sb="13" eb="15">
      <t>キンガク</t>
    </rPh>
    <rPh sb="17" eb="18">
      <t>ノゾ</t>
    </rPh>
    <rPh sb="20" eb="21">
      <t>ガク</t>
    </rPh>
    <rPh sb="26" eb="28">
      <t>サシヒキ</t>
    </rPh>
    <rPh sb="28" eb="30">
      <t>ジギョウ</t>
    </rPh>
    <rPh sb="30" eb="31">
      <t>ヒ</t>
    </rPh>
    <rPh sb="32" eb="34">
      <t>ヨテイ</t>
    </rPh>
    <rPh sb="36" eb="37">
      <t>ラン</t>
    </rPh>
    <rPh sb="38" eb="40">
      <t>ヒカク</t>
    </rPh>
    <rPh sb="42" eb="43">
      <t>スク</t>
    </rPh>
    <rPh sb="45" eb="46">
      <t>ホウ</t>
    </rPh>
    <rPh sb="47" eb="48">
      <t>ガク</t>
    </rPh>
    <rPh sb="49" eb="51">
      <t>キニュウ</t>
    </rPh>
    <phoneticPr fontId="1"/>
  </si>
  <si>
    <t>　　２　（Ｈ）「東京都補助所要額」欄の算出にあたっては１，０００円未満の端数が生じた場合には、これを切り捨てるものとする。</t>
    <rPh sb="8" eb="10">
      <t>トウキョウ</t>
    </rPh>
    <rPh sb="10" eb="11">
      <t>ト</t>
    </rPh>
    <rPh sb="11" eb="13">
      <t>ホジョ</t>
    </rPh>
    <rPh sb="13" eb="15">
      <t>ショヨウ</t>
    </rPh>
    <rPh sb="15" eb="16">
      <t>ガク</t>
    </rPh>
    <rPh sb="17" eb="18">
      <t>ラン</t>
    </rPh>
    <rPh sb="19" eb="21">
      <t>サンシュツ</t>
    </rPh>
    <phoneticPr fontId="1"/>
  </si>
  <si>
    <t>　　３　備考欄には算出方法を記入すること（対象となる職員の配置期間が通算して１年に満たない場合は、その雇用状況や算出方法等も記載すること。）</t>
    <rPh sb="4" eb="6">
      <t>ビコウ</t>
    </rPh>
    <rPh sb="6" eb="7">
      <t>ラン</t>
    </rPh>
    <rPh sb="9" eb="11">
      <t>サンシュツ</t>
    </rPh>
    <rPh sb="11" eb="13">
      <t>ホウホウ</t>
    </rPh>
    <rPh sb="14" eb="16">
      <t>キニュウ</t>
    </rPh>
    <phoneticPr fontId="1"/>
  </si>
  <si>
    <t>　</t>
    <phoneticPr fontId="1"/>
  </si>
  <si>
    <t>所　要　額　調　書</t>
    <rPh sb="0" eb="1">
      <t>トコロ</t>
    </rPh>
    <rPh sb="2" eb="3">
      <t>ヨウ</t>
    </rPh>
    <rPh sb="4" eb="5">
      <t>ガク</t>
    </rPh>
    <rPh sb="6" eb="7">
      <t>チョウ</t>
    </rPh>
    <rPh sb="8" eb="9">
      <t>ショ</t>
    </rPh>
    <phoneticPr fontId="1"/>
  </si>
  <si>
    <t>（補助事業者名）</t>
    <phoneticPr fontId="1"/>
  </si>
  <si>
    <t>補助
所要額
(Ｆ)×(Ｇ)</t>
    <rPh sb="0" eb="2">
      <t>ホジョ</t>
    </rPh>
    <rPh sb="3" eb="4">
      <t>トコロ</t>
    </rPh>
    <rPh sb="4" eb="5">
      <t>ヨウ</t>
    </rPh>
    <rPh sb="5" eb="6">
      <t>ガク</t>
    </rPh>
    <phoneticPr fontId="1"/>
  </si>
  <si>
    <t>様式１別紙２</t>
    <rPh sb="0" eb="2">
      <t>ヨウシキ</t>
    </rPh>
    <rPh sb="3" eb="5">
      <t>ベッ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1"/>
      <color indexed="18"/>
      <name val="ＭＳ 明朝"/>
      <family val="1"/>
      <charset val="128"/>
    </font>
    <font>
      <sz val="10"/>
      <color indexed="56"/>
      <name val="ＭＳ 明朝"/>
      <family val="1"/>
      <charset val="128"/>
    </font>
    <font>
      <sz val="8"/>
      <name val="ＭＳ 明朝"/>
      <family val="1"/>
      <charset val="128"/>
    </font>
    <font>
      <b/>
      <sz val="9"/>
      <color indexed="81"/>
      <name val="MS P ゴシック"/>
      <family val="3"/>
      <charset val="128"/>
    </font>
    <font>
      <sz val="12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2" fillId="0" borderId="0" applyFont="0" applyFill="0" applyBorder="0" applyAlignment="0" applyProtection="0"/>
  </cellStyleXfs>
  <cellXfs count="56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3" fillId="0" borderId="6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49" fontId="3" fillId="0" borderId="4" xfId="0" applyNumberFormat="1" applyFont="1" applyBorder="1" applyAlignment="1">
      <alignment vertical="center"/>
    </xf>
    <xf numFmtId="49" fontId="3" fillId="0" borderId="9" xfId="0" applyNumberFormat="1" applyFont="1" applyBorder="1" applyAlignment="1">
      <alignment horizontal="center" vertical="center"/>
    </xf>
    <xf numFmtId="49" fontId="3" fillId="0" borderId="11" xfId="0" applyNumberFormat="1" applyFont="1" applyBorder="1" applyAlignment="1">
      <alignment horizontal="center" vertical="center"/>
    </xf>
    <xf numFmtId="38" fontId="3" fillId="0" borderId="15" xfId="1" applyFont="1" applyFill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176" fontId="3" fillId="0" borderId="0" xfId="0" applyNumberFormat="1" applyFont="1" applyFill="1" applyBorder="1" applyAlignment="1">
      <alignment vertical="center"/>
    </xf>
    <xf numFmtId="0" fontId="3" fillId="0" borderId="0" xfId="0" applyFont="1" applyAlignment="1">
      <alignment horizontal="left"/>
    </xf>
    <xf numFmtId="0" fontId="3" fillId="0" borderId="0" xfId="0" applyFont="1" applyBorder="1" applyAlignment="1">
      <alignment vertical="center"/>
    </xf>
    <xf numFmtId="0" fontId="3" fillId="3" borderId="1" xfId="0" applyFont="1" applyFill="1" applyBorder="1" applyAlignment="1">
      <alignment vertical="center"/>
    </xf>
    <xf numFmtId="49" fontId="3" fillId="0" borderId="8" xfId="0" applyNumberFormat="1" applyFont="1" applyBorder="1" applyAlignment="1">
      <alignment horizontal="center" vertical="center"/>
    </xf>
    <xf numFmtId="38" fontId="3" fillId="0" borderId="12" xfId="1" applyFont="1" applyFill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3" fillId="0" borderId="5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3" fontId="3" fillId="2" borderId="6" xfId="0" applyNumberFormat="1" applyFont="1" applyFill="1" applyBorder="1" applyAlignment="1">
      <alignment horizontal="right" vertical="center"/>
    </xf>
    <xf numFmtId="3" fontId="3" fillId="2" borderId="9" xfId="0" applyNumberFormat="1" applyFont="1" applyFill="1" applyBorder="1" applyAlignment="1">
      <alignment horizontal="right" vertical="center"/>
    </xf>
    <xf numFmtId="3" fontId="3" fillId="2" borderId="13" xfId="0" applyNumberFormat="1" applyFont="1" applyFill="1" applyBorder="1" applyAlignment="1">
      <alignment horizontal="right" vertical="center"/>
    </xf>
    <xf numFmtId="38" fontId="3" fillId="0" borderId="6" xfId="1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38" fontId="3" fillId="0" borderId="13" xfId="1" applyFont="1" applyBorder="1" applyAlignment="1">
      <alignment horizontal="right" vertical="center"/>
    </xf>
    <xf numFmtId="0" fontId="3" fillId="0" borderId="0" xfId="0" applyFont="1" applyBorder="1" applyAlignment="1">
      <alignment vertical="center"/>
    </xf>
    <xf numFmtId="0" fontId="7" fillId="0" borderId="0" xfId="0" applyFont="1" applyAlignment="1"/>
    <xf numFmtId="12" fontId="3" fillId="0" borderId="6" xfId="0" applyNumberFormat="1" applyFont="1" applyBorder="1" applyAlignment="1">
      <alignment horizontal="center" vertical="center"/>
    </xf>
    <xf numFmtId="12" fontId="3" fillId="0" borderId="9" xfId="0" applyNumberFormat="1" applyFont="1" applyBorder="1" applyAlignment="1">
      <alignment horizontal="center" vertical="center"/>
    </xf>
    <xf numFmtId="12" fontId="3" fillId="0" borderId="13" xfId="0" applyNumberFormat="1" applyFont="1" applyBorder="1" applyAlignment="1">
      <alignment horizontal="center" vertical="center"/>
    </xf>
    <xf numFmtId="38" fontId="3" fillId="0" borderId="7" xfId="1" applyFont="1" applyBorder="1" applyAlignment="1">
      <alignment horizontal="right" vertical="center"/>
    </xf>
    <xf numFmtId="38" fontId="3" fillId="0" borderId="10" xfId="1" applyFont="1" applyBorder="1" applyAlignment="1">
      <alignment horizontal="right" vertical="center"/>
    </xf>
    <xf numFmtId="38" fontId="3" fillId="0" borderId="14" xfId="1" applyFont="1" applyBorder="1" applyAlignment="1">
      <alignment horizontal="right" vertical="center"/>
    </xf>
    <xf numFmtId="0" fontId="3" fillId="3" borderId="2" xfId="0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center" vertical="center" wrapText="1"/>
    </xf>
    <xf numFmtId="0" fontId="3" fillId="3" borderId="3" xfId="0" applyFont="1" applyFill="1" applyBorder="1" applyAlignment="1">
      <alignment horizontal="center" vertical="center" wrapText="1"/>
    </xf>
    <xf numFmtId="0" fontId="3" fillId="0" borderId="0" xfId="0" applyFont="1" applyAlignment="1"/>
    <xf numFmtId="0" fontId="3" fillId="0" borderId="0" xfId="0" applyFont="1" applyAlignment="1">
      <alignment horizontal="left"/>
    </xf>
    <xf numFmtId="38" fontId="3" fillId="3" borderId="5" xfId="1" applyFont="1" applyFill="1" applyBorder="1" applyAlignment="1">
      <alignment horizontal="right" vertical="center"/>
    </xf>
    <xf numFmtId="38" fontId="3" fillId="3" borderId="8" xfId="1" applyFont="1" applyFill="1" applyBorder="1" applyAlignment="1">
      <alignment horizontal="right" vertical="center"/>
    </xf>
    <xf numFmtId="38" fontId="3" fillId="3" borderId="12" xfId="1" applyFont="1" applyFill="1" applyBorder="1" applyAlignment="1">
      <alignment horizontal="right" vertical="center"/>
    </xf>
    <xf numFmtId="0" fontId="3" fillId="3" borderId="6" xfId="0" applyFont="1" applyFill="1" applyBorder="1" applyAlignment="1">
      <alignment horizontal="right" vertical="center"/>
    </xf>
    <xf numFmtId="0" fontId="3" fillId="3" borderId="9" xfId="0" applyFont="1" applyFill="1" applyBorder="1" applyAlignment="1">
      <alignment horizontal="right" vertical="center"/>
    </xf>
    <xf numFmtId="0" fontId="3" fillId="3" borderId="13" xfId="0" applyFont="1" applyFill="1" applyBorder="1" applyAlignment="1">
      <alignment horizontal="right" vertical="center"/>
    </xf>
    <xf numFmtId="38" fontId="3" fillId="3" borderId="6" xfId="1" applyFont="1" applyFill="1" applyBorder="1" applyAlignment="1">
      <alignment horizontal="right" vertical="center"/>
    </xf>
    <xf numFmtId="38" fontId="3" fillId="3" borderId="9" xfId="1" applyFont="1" applyFill="1" applyBorder="1" applyAlignment="1">
      <alignment horizontal="right" vertical="center"/>
    </xf>
    <xf numFmtId="38" fontId="3" fillId="3" borderId="13" xfId="1" applyFont="1" applyFill="1" applyBorder="1" applyAlignment="1">
      <alignment horizontal="right" vertical="center"/>
    </xf>
  </cellXfs>
  <cellStyles count="2">
    <cellStyle name="桁区切り 2" xfId="1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B2:L30"/>
  <sheetViews>
    <sheetView tabSelected="1" workbookViewId="0">
      <selection activeCell="D37" sqref="D37"/>
    </sheetView>
  </sheetViews>
  <sheetFormatPr defaultColWidth="9" defaultRowHeight="13.5"/>
  <cols>
    <col min="1" max="1" width="2.625" style="1" customWidth="1"/>
    <col min="2" max="11" width="16.75" style="1" customWidth="1"/>
    <col min="12" max="12" width="2.625" style="1" customWidth="1"/>
    <col min="13" max="255" width="9" style="1"/>
    <col min="256" max="256" width="2.625" style="1" customWidth="1"/>
    <col min="257" max="264" width="16.125" style="1" customWidth="1"/>
    <col min="265" max="265" width="13.125" style="1" customWidth="1"/>
    <col min="266" max="267" width="16.125" style="1" customWidth="1"/>
    <col min="268" max="268" width="2.625" style="1" customWidth="1"/>
    <col min="269" max="511" width="9" style="1"/>
    <col min="512" max="512" width="2.625" style="1" customWidth="1"/>
    <col min="513" max="520" width="16.125" style="1" customWidth="1"/>
    <col min="521" max="521" width="13.125" style="1" customWidth="1"/>
    <col min="522" max="523" width="16.125" style="1" customWidth="1"/>
    <col min="524" max="524" width="2.625" style="1" customWidth="1"/>
    <col min="525" max="767" width="9" style="1"/>
    <col min="768" max="768" width="2.625" style="1" customWidth="1"/>
    <col min="769" max="776" width="16.125" style="1" customWidth="1"/>
    <col min="777" max="777" width="13.125" style="1" customWidth="1"/>
    <col min="778" max="779" width="16.125" style="1" customWidth="1"/>
    <col min="780" max="780" width="2.625" style="1" customWidth="1"/>
    <col min="781" max="1023" width="9" style="1"/>
    <col min="1024" max="1024" width="2.625" style="1" customWidth="1"/>
    <col min="1025" max="1032" width="16.125" style="1" customWidth="1"/>
    <col min="1033" max="1033" width="13.125" style="1" customWidth="1"/>
    <col min="1034" max="1035" width="16.125" style="1" customWidth="1"/>
    <col min="1036" max="1036" width="2.625" style="1" customWidth="1"/>
    <col min="1037" max="1279" width="9" style="1"/>
    <col min="1280" max="1280" width="2.625" style="1" customWidth="1"/>
    <col min="1281" max="1288" width="16.125" style="1" customWidth="1"/>
    <col min="1289" max="1289" width="13.125" style="1" customWidth="1"/>
    <col min="1290" max="1291" width="16.125" style="1" customWidth="1"/>
    <col min="1292" max="1292" width="2.625" style="1" customWidth="1"/>
    <col min="1293" max="1535" width="9" style="1"/>
    <col min="1536" max="1536" width="2.625" style="1" customWidth="1"/>
    <col min="1537" max="1544" width="16.125" style="1" customWidth="1"/>
    <col min="1545" max="1545" width="13.125" style="1" customWidth="1"/>
    <col min="1546" max="1547" width="16.125" style="1" customWidth="1"/>
    <col min="1548" max="1548" width="2.625" style="1" customWidth="1"/>
    <col min="1549" max="1791" width="9" style="1"/>
    <col min="1792" max="1792" width="2.625" style="1" customWidth="1"/>
    <col min="1793" max="1800" width="16.125" style="1" customWidth="1"/>
    <col min="1801" max="1801" width="13.125" style="1" customWidth="1"/>
    <col min="1802" max="1803" width="16.125" style="1" customWidth="1"/>
    <col min="1804" max="1804" width="2.625" style="1" customWidth="1"/>
    <col min="1805" max="2047" width="9" style="1"/>
    <col min="2048" max="2048" width="2.625" style="1" customWidth="1"/>
    <col min="2049" max="2056" width="16.125" style="1" customWidth="1"/>
    <col min="2057" max="2057" width="13.125" style="1" customWidth="1"/>
    <col min="2058" max="2059" width="16.125" style="1" customWidth="1"/>
    <col min="2060" max="2060" width="2.625" style="1" customWidth="1"/>
    <col min="2061" max="2303" width="9" style="1"/>
    <col min="2304" max="2304" width="2.625" style="1" customWidth="1"/>
    <col min="2305" max="2312" width="16.125" style="1" customWidth="1"/>
    <col min="2313" max="2313" width="13.125" style="1" customWidth="1"/>
    <col min="2314" max="2315" width="16.125" style="1" customWidth="1"/>
    <col min="2316" max="2316" width="2.625" style="1" customWidth="1"/>
    <col min="2317" max="2559" width="9" style="1"/>
    <col min="2560" max="2560" width="2.625" style="1" customWidth="1"/>
    <col min="2561" max="2568" width="16.125" style="1" customWidth="1"/>
    <col min="2569" max="2569" width="13.125" style="1" customWidth="1"/>
    <col min="2570" max="2571" width="16.125" style="1" customWidth="1"/>
    <col min="2572" max="2572" width="2.625" style="1" customWidth="1"/>
    <col min="2573" max="2815" width="9" style="1"/>
    <col min="2816" max="2816" width="2.625" style="1" customWidth="1"/>
    <col min="2817" max="2824" width="16.125" style="1" customWidth="1"/>
    <col min="2825" max="2825" width="13.125" style="1" customWidth="1"/>
    <col min="2826" max="2827" width="16.125" style="1" customWidth="1"/>
    <col min="2828" max="2828" width="2.625" style="1" customWidth="1"/>
    <col min="2829" max="3071" width="9" style="1"/>
    <col min="3072" max="3072" width="2.625" style="1" customWidth="1"/>
    <col min="3073" max="3080" width="16.125" style="1" customWidth="1"/>
    <col min="3081" max="3081" width="13.125" style="1" customWidth="1"/>
    <col min="3082" max="3083" width="16.125" style="1" customWidth="1"/>
    <col min="3084" max="3084" width="2.625" style="1" customWidth="1"/>
    <col min="3085" max="3327" width="9" style="1"/>
    <col min="3328" max="3328" width="2.625" style="1" customWidth="1"/>
    <col min="3329" max="3336" width="16.125" style="1" customWidth="1"/>
    <col min="3337" max="3337" width="13.125" style="1" customWidth="1"/>
    <col min="3338" max="3339" width="16.125" style="1" customWidth="1"/>
    <col min="3340" max="3340" width="2.625" style="1" customWidth="1"/>
    <col min="3341" max="3583" width="9" style="1"/>
    <col min="3584" max="3584" width="2.625" style="1" customWidth="1"/>
    <col min="3585" max="3592" width="16.125" style="1" customWidth="1"/>
    <col min="3593" max="3593" width="13.125" style="1" customWidth="1"/>
    <col min="3594" max="3595" width="16.125" style="1" customWidth="1"/>
    <col min="3596" max="3596" width="2.625" style="1" customWidth="1"/>
    <col min="3597" max="3839" width="9" style="1"/>
    <col min="3840" max="3840" width="2.625" style="1" customWidth="1"/>
    <col min="3841" max="3848" width="16.125" style="1" customWidth="1"/>
    <col min="3849" max="3849" width="13.125" style="1" customWidth="1"/>
    <col min="3850" max="3851" width="16.125" style="1" customWidth="1"/>
    <col min="3852" max="3852" width="2.625" style="1" customWidth="1"/>
    <col min="3853" max="4095" width="9" style="1"/>
    <col min="4096" max="4096" width="2.625" style="1" customWidth="1"/>
    <col min="4097" max="4104" width="16.125" style="1" customWidth="1"/>
    <col min="4105" max="4105" width="13.125" style="1" customWidth="1"/>
    <col min="4106" max="4107" width="16.125" style="1" customWidth="1"/>
    <col min="4108" max="4108" width="2.625" style="1" customWidth="1"/>
    <col min="4109" max="4351" width="9" style="1"/>
    <col min="4352" max="4352" width="2.625" style="1" customWidth="1"/>
    <col min="4353" max="4360" width="16.125" style="1" customWidth="1"/>
    <col min="4361" max="4361" width="13.125" style="1" customWidth="1"/>
    <col min="4362" max="4363" width="16.125" style="1" customWidth="1"/>
    <col min="4364" max="4364" width="2.625" style="1" customWidth="1"/>
    <col min="4365" max="4607" width="9" style="1"/>
    <col min="4608" max="4608" width="2.625" style="1" customWidth="1"/>
    <col min="4609" max="4616" width="16.125" style="1" customWidth="1"/>
    <col min="4617" max="4617" width="13.125" style="1" customWidth="1"/>
    <col min="4618" max="4619" width="16.125" style="1" customWidth="1"/>
    <col min="4620" max="4620" width="2.625" style="1" customWidth="1"/>
    <col min="4621" max="4863" width="9" style="1"/>
    <col min="4864" max="4864" width="2.625" style="1" customWidth="1"/>
    <col min="4865" max="4872" width="16.125" style="1" customWidth="1"/>
    <col min="4873" max="4873" width="13.125" style="1" customWidth="1"/>
    <col min="4874" max="4875" width="16.125" style="1" customWidth="1"/>
    <col min="4876" max="4876" width="2.625" style="1" customWidth="1"/>
    <col min="4877" max="5119" width="9" style="1"/>
    <col min="5120" max="5120" width="2.625" style="1" customWidth="1"/>
    <col min="5121" max="5128" width="16.125" style="1" customWidth="1"/>
    <col min="5129" max="5129" width="13.125" style="1" customWidth="1"/>
    <col min="5130" max="5131" width="16.125" style="1" customWidth="1"/>
    <col min="5132" max="5132" width="2.625" style="1" customWidth="1"/>
    <col min="5133" max="5375" width="9" style="1"/>
    <col min="5376" max="5376" width="2.625" style="1" customWidth="1"/>
    <col min="5377" max="5384" width="16.125" style="1" customWidth="1"/>
    <col min="5385" max="5385" width="13.125" style="1" customWidth="1"/>
    <col min="5386" max="5387" width="16.125" style="1" customWidth="1"/>
    <col min="5388" max="5388" width="2.625" style="1" customWidth="1"/>
    <col min="5389" max="5631" width="9" style="1"/>
    <col min="5632" max="5632" width="2.625" style="1" customWidth="1"/>
    <col min="5633" max="5640" width="16.125" style="1" customWidth="1"/>
    <col min="5641" max="5641" width="13.125" style="1" customWidth="1"/>
    <col min="5642" max="5643" width="16.125" style="1" customWidth="1"/>
    <col min="5644" max="5644" width="2.625" style="1" customWidth="1"/>
    <col min="5645" max="5887" width="9" style="1"/>
    <col min="5888" max="5888" width="2.625" style="1" customWidth="1"/>
    <col min="5889" max="5896" width="16.125" style="1" customWidth="1"/>
    <col min="5897" max="5897" width="13.125" style="1" customWidth="1"/>
    <col min="5898" max="5899" width="16.125" style="1" customWidth="1"/>
    <col min="5900" max="5900" width="2.625" style="1" customWidth="1"/>
    <col min="5901" max="6143" width="9" style="1"/>
    <col min="6144" max="6144" width="2.625" style="1" customWidth="1"/>
    <col min="6145" max="6152" width="16.125" style="1" customWidth="1"/>
    <col min="6153" max="6153" width="13.125" style="1" customWidth="1"/>
    <col min="6154" max="6155" width="16.125" style="1" customWidth="1"/>
    <col min="6156" max="6156" width="2.625" style="1" customWidth="1"/>
    <col min="6157" max="6399" width="9" style="1"/>
    <col min="6400" max="6400" width="2.625" style="1" customWidth="1"/>
    <col min="6401" max="6408" width="16.125" style="1" customWidth="1"/>
    <col min="6409" max="6409" width="13.125" style="1" customWidth="1"/>
    <col min="6410" max="6411" width="16.125" style="1" customWidth="1"/>
    <col min="6412" max="6412" width="2.625" style="1" customWidth="1"/>
    <col min="6413" max="6655" width="9" style="1"/>
    <col min="6656" max="6656" width="2.625" style="1" customWidth="1"/>
    <col min="6657" max="6664" width="16.125" style="1" customWidth="1"/>
    <col min="6665" max="6665" width="13.125" style="1" customWidth="1"/>
    <col min="6666" max="6667" width="16.125" style="1" customWidth="1"/>
    <col min="6668" max="6668" width="2.625" style="1" customWidth="1"/>
    <col min="6669" max="6911" width="9" style="1"/>
    <col min="6912" max="6912" width="2.625" style="1" customWidth="1"/>
    <col min="6913" max="6920" width="16.125" style="1" customWidth="1"/>
    <col min="6921" max="6921" width="13.125" style="1" customWidth="1"/>
    <col min="6922" max="6923" width="16.125" style="1" customWidth="1"/>
    <col min="6924" max="6924" width="2.625" style="1" customWidth="1"/>
    <col min="6925" max="7167" width="9" style="1"/>
    <col min="7168" max="7168" width="2.625" style="1" customWidth="1"/>
    <col min="7169" max="7176" width="16.125" style="1" customWidth="1"/>
    <col min="7177" max="7177" width="13.125" style="1" customWidth="1"/>
    <col min="7178" max="7179" width="16.125" style="1" customWidth="1"/>
    <col min="7180" max="7180" width="2.625" style="1" customWidth="1"/>
    <col min="7181" max="7423" width="9" style="1"/>
    <col min="7424" max="7424" width="2.625" style="1" customWidth="1"/>
    <col min="7425" max="7432" width="16.125" style="1" customWidth="1"/>
    <col min="7433" max="7433" width="13.125" style="1" customWidth="1"/>
    <col min="7434" max="7435" width="16.125" style="1" customWidth="1"/>
    <col min="7436" max="7436" width="2.625" style="1" customWidth="1"/>
    <col min="7437" max="7679" width="9" style="1"/>
    <col min="7680" max="7680" width="2.625" style="1" customWidth="1"/>
    <col min="7681" max="7688" width="16.125" style="1" customWidth="1"/>
    <col min="7689" max="7689" width="13.125" style="1" customWidth="1"/>
    <col min="7690" max="7691" width="16.125" style="1" customWidth="1"/>
    <col min="7692" max="7692" width="2.625" style="1" customWidth="1"/>
    <col min="7693" max="7935" width="9" style="1"/>
    <col min="7936" max="7936" width="2.625" style="1" customWidth="1"/>
    <col min="7937" max="7944" width="16.125" style="1" customWidth="1"/>
    <col min="7945" max="7945" width="13.125" style="1" customWidth="1"/>
    <col min="7946" max="7947" width="16.125" style="1" customWidth="1"/>
    <col min="7948" max="7948" width="2.625" style="1" customWidth="1"/>
    <col min="7949" max="8191" width="9" style="1"/>
    <col min="8192" max="8192" width="2.625" style="1" customWidth="1"/>
    <col min="8193" max="8200" width="16.125" style="1" customWidth="1"/>
    <col min="8201" max="8201" width="13.125" style="1" customWidth="1"/>
    <col min="8202" max="8203" width="16.125" style="1" customWidth="1"/>
    <col min="8204" max="8204" width="2.625" style="1" customWidth="1"/>
    <col min="8205" max="8447" width="9" style="1"/>
    <col min="8448" max="8448" width="2.625" style="1" customWidth="1"/>
    <col min="8449" max="8456" width="16.125" style="1" customWidth="1"/>
    <col min="8457" max="8457" width="13.125" style="1" customWidth="1"/>
    <col min="8458" max="8459" width="16.125" style="1" customWidth="1"/>
    <col min="8460" max="8460" width="2.625" style="1" customWidth="1"/>
    <col min="8461" max="8703" width="9" style="1"/>
    <col min="8704" max="8704" width="2.625" style="1" customWidth="1"/>
    <col min="8705" max="8712" width="16.125" style="1" customWidth="1"/>
    <col min="8713" max="8713" width="13.125" style="1" customWidth="1"/>
    <col min="8714" max="8715" width="16.125" style="1" customWidth="1"/>
    <col min="8716" max="8716" width="2.625" style="1" customWidth="1"/>
    <col min="8717" max="8959" width="9" style="1"/>
    <col min="8960" max="8960" width="2.625" style="1" customWidth="1"/>
    <col min="8961" max="8968" width="16.125" style="1" customWidth="1"/>
    <col min="8969" max="8969" width="13.125" style="1" customWidth="1"/>
    <col min="8970" max="8971" width="16.125" style="1" customWidth="1"/>
    <col min="8972" max="8972" width="2.625" style="1" customWidth="1"/>
    <col min="8973" max="9215" width="9" style="1"/>
    <col min="9216" max="9216" width="2.625" style="1" customWidth="1"/>
    <col min="9217" max="9224" width="16.125" style="1" customWidth="1"/>
    <col min="9225" max="9225" width="13.125" style="1" customWidth="1"/>
    <col min="9226" max="9227" width="16.125" style="1" customWidth="1"/>
    <col min="9228" max="9228" width="2.625" style="1" customWidth="1"/>
    <col min="9229" max="9471" width="9" style="1"/>
    <col min="9472" max="9472" width="2.625" style="1" customWidth="1"/>
    <col min="9473" max="9480" width="16.125" style="1" customWidth="1"/>
    <col min="9481" max="9481" width="13.125" style="1" customWidth="1"/>
    <col min="9482" max="9483" width="16.125" style="1" customWidth="1"/>
    <col min="9484" max="9484" width="2.625" style="1" customWidth="1"/>
    <col min="9485" max="9727" width="9" style="1"/>
    <col min="9728" max="9728" width="2.625" style="1" customWidth="1"/>
    <col min="9729" max="9736" width="16.125" style="1" customWidth="1"/>
    <col min="9737" max="9737" width="13.125" style="1" customWidth="1"/>
    <col min="9738" max="9739" width="16.125" style="1" customWidth="1"/>
    <col min="9740" max="9740" width="2.625" style="1" customWidth="1"/>
    <col min="9741" max="9983" width="9" style="1"/>
    <col min="9984" max="9984" width="2.625" style="1" customWidth="1"/>
    <col min="9985" max="9992" width="16.125" style="1" customWidth="1"/>
    <col min="9993" max="9993" width="13.125" style="1" customWidth="1"/>
    <col min="9994" max="9995" width="16.125" style="1" customWidth="1"/>
    <col min="9996" max="9996" width="2.625" style="1" customWidth="1"/>
    <col min="9997" max="10239" width="9" style="1"/>
    <col min="10240" max="10240" width="2.625" style="1" customWidth="1"/>
    <col min="10241" max="10248" width="16.125" style="1" customWidth="1"/>
    <col min="10249" max="10249" width="13.125" style="1" customWidth="1"/>
    <col min="10250" max="10251" width="16.125" style="1" customWidth="1"/>
    <col min="10252" max="10252" width="2.625" style="1" customWidth="1"/>
    <col min="10253" max="10495" width="9" style="1"/>
    <col min="10496" max="10496" width="2.625" style="1" customWidth="1"/>
    <col min="10497" max="10504" width="16.125" style="1" customWidth="1"/>
    <col min="10505" max="10505" width="13.125" style="1" customWidth="1"/>
    <col min="10506" max="10507" width="16.125" style="1" customWidth="1"/>
    <col min="10508" max="10508" width="2.625" style="1" customWidth="1"/>
    <col min="10509" max="10751" width="9" style="1"/>
    <col min="10752" max="10752" width="2.625" style="1" customWidth="1"/>
    <col min="10753" max="10760" width="16.125" style="1" customWidth="1"/>
    <col min="10761" max="10761" width="13.125" style="1" customWidth="1"/>
    <col min="10762" max="10763" width="16.125" style="1" customWidth="1"/>
    <col min="10764" max="10764" width="2.625" style="1" customWidth="1"/>
    <col min="10765" max="11007" width="9" style="1"/>
    <col min="11008" max="11008" width="2.625" style="1" customWidth="1"/>
    <col min="11009" max="11016" width="16.125" style="1" customWidth="1"/>
    <col min="11017" max="11017" width="13.125" style="1" customWidth="1"/>
    <col min="11018" max="11019" width="16.125" style="1" customWidth="1"/>
    <col min="11020" max="11020" width="2.625" style="1" customWidth="1"/>
    <col min="11021" max="11263" width="9" style="1"/>
    <col min="11264" max="11264" width="2.625" style="1" customWidth="1"/>
    <col min="11265" max="11272" width="16.125" style="1" customWidth="1"/>
    <col min="11273" max="11273" width="13.125" style="1" customWidth="1"/>
    <col min="11274" max="11275" width="16.125" style="1" customWidth="1"/>
    <col min="11276" max="11276" width="2.625" style="1" customWidth="1"/>
    <col min="11277" max="11519" width="9" style="1"/>
    <col min="11520" max="11520" width="2.625" style="1" customWidth="1"/>
    <col min="11521" max="11528" width="16.125" style="1" customWidth="1"/>
    <col min="11529" max="11529" width="13.125" style="1" customWidth="1"/>
    <col min="11530" max="11531" width="16.125" style="1" customWidth="1"/>
    <col min="11532" max="11532" width="2.625" style="1" customWidth="1"/>
    <col min="11533" max="11775" width="9" style="1"/>
    <col min="11776" max="11776" width="2.625" style="1" customWidth="1"/>
    <col min="11777" max="11784" width="16.125" style="1" customWidth="1"/>
    <col min="11785" max="11785" width="13.125" style="1" customWidth="1"/>
    <col min="11786" max="11787" width="16.125" style="1" customWidth="1"/>
    <col min="11788" max="11788" width="2.625" style="1" customWidth="1"/>
    <col min="11789" max="12031" width="9" style="1"/>
    <col min="12032" max="12032" width="2.625" style="1" customWidth="1"/>
    <col min="12033" max="12040" width="16.125" style="1" customWidth="1"/>
    <col min="12041" max="12041" width="13.125" style="1" customWidth="1"/>
    <col min="12042" max="12043" width="16.125" style="1" customWidth="1"/>
    <col min="12044" max="12044" width="2.625" style="1" customWidth="1"/>
    <col min="12045" max="12287" width="9" style="1"/>
    <col min="12288" max="12288" width="2.625" style="1" customWidth="1"/>
    <col min="12289" max="12296" width="16.125" style="1" customWidth="1"/>
    <col min="12297" max="12297" width="13.125" style="1" customWidth="1"/>
    <col min="12298" max="12299" width="16.125" style="1" customWidth="1"/>
    <col min="12300" max="12300" width="2.625" style="1" customWidth="1"/>
    <col min="12301" max="12543" width="9" style="1"/>
    <col min="12544" max="12544" width="2.625" style="1" customWidth="1"/>
    <col min="12545" max="12552" width="16.125" style="1" customWidth="1"/>
    <col min="12553" max="12553" width="13.125" style="1" customWidth="1"/>
    <col min="12554" max="12555" width="16.125" style="1" customWidth="1"/>
    <col min="12556" max="12556" width="2.625" style="1" customWidth="1"/>
    <col min="12557" max="12799" width="9" style="1"/>
    <col min="12800" max="12800" width="2.625" style="1" customWidth="1"/>
    <col min="12801" max="12808" width="16.125" style="1" customWidth="1"/>
    <col min="12809" max="12809" width="13.125" style="1" customWidth="1"/>
    <col min="12810" max="12811" width="16.125" style="1" customWidth="1"/>
    <col min="12812" max="12812" width="2.625" style="1" customWidth="1"/>
    <col min="12813" max="13055" width="9" style="1"/>
    <col min="13056" max="13056" width="2.625" style="1" customWidth="1"/>
    <col min="13057" max="13064" width="16.125" style="1" customWidth="1"/>
    <col min="13065" max="13065" width="13.125" style="1" customWidth="1"/>
    <col min="13066" max="13067" width="16.125" style="1" customWidth="1"/>
    <col min="13068" max="13068" width="2.625" style="1" customWidth="1"/>
    <col min="13069" max="13311" width="9" style="1"/>
    <col min="13312" max="13312" width="2.625" style="1" customWidth="1"/>
    <col min="13313" max="13320" width="16.125" style="1" customWidth="1"/>
    <col min="13321" max="13321" width="13.125" style="1" customWidth="1"/>
    <col min="13322" max="13323" width="16.125" style="1" customWidth="1"/>
    <col min="13324" max="13324" width="2.625" style="1" customWidth="1"/>
    <col min="13325" max="13567" width="9" style="1"/>
    <col min="13568" max="13568" width="2.625" style="1" customWidth="1"/>
    <col min="13569" max="13576" width="16.125" style="1" customWidth="1"/>
    <col min="13577" max="13577" width="13.125" style="1" customWidth="1"/>
    <col min="13578" max="13579" width="16.125" style="1" customWidth="1"/>
    <col min="13580" max="13580" width="2.625" style="1" customWidth="1"/>
    <col min="13581" max="13823" width="9" style="1"/>
    <col min="13824" max="13824" width="2.625" style="1" customWidth="1"/>
    <col min="13825" max="13832" width="16.125" style="1" customWidth="1"/>
    <col min="13833" max="13833" width="13.125" style="1" customWidth="1"/>
    <col min="13834" max="13835" width="16.125" style="1" customWidth="1"/>
    <col min="13836" max="13836" width="2.625" style="1" customWidth="1"/>
    <col min="13837" max="14079" width="9" style="1"/>
    <col min="14080" max="14080" width="2.625" style="1" customWidth="1"/>
    <col min="14081" max="14088" width="16.125" style="1" customWidth="1"/>
    <col min="14089" max="14089" width="13.125" style="1" customWidth="1"/>
    <col min="14090" max="14091" width="16.125" style="1" customWidth="1"/>
    <col min="14092" max="14092" width="2.625" style="1" customWidth="1"/>
    <col min="14093" max="14335" width="9" style="1"/>
    <col min="14336" max="14336" width="2.625" style="1" customWidth="1"/>
    <col min="14337" max="14344" width="16.125" style="1" customWidth="1"/>
    <col min="14345" max="14345" width="13.125" style="1" customWidth="1"/>
    <col min="14346" max="14347" width="16.125" style="1" customWidth="1"/>
    <col min="14348" max="14348" width="2.625" style="1" customWidth="1"/>
    <col min="14349" max="14591" width="9" style="1"/>
    <col min="14592" max="14592" width="2.625" style="1" customWidth="1"/>
    <col min="14593" max="14600" width="16.125" style="1" customWidth="1"/>
    <col min="14601" max="14601" width="13.125" style="1" customWidth="1"/>
    <col min="14602" max="14603" width="16.125" style="1" customWidth="1"/>
    <col min="14604" max="14604" width="2.625" style="1" customWidth="1"/>
    <col min="14605" max="14847" width="9" style="1"/>
    <col min="14848" max="14848" width="2.625" style="1" customWidth="1"/>
    <col min="14849" max="14856" width="16.125" style="1" customWidth="1"/>
    <col min="14857" max="14857" width="13.125" style="1" customWidth="1"/>
    <col min="14858" max="14859" width="16.125" style="1" customWidth="1"/>
    <col min="14860" max="14860" width="2.625" style="1" customWidth="1"/>
    <col min="14861" max="15103" width="9" style="1"/>
    <col min="15104" max="15104" width="2.625" style="1" customWidth="1"/>
    <col min="15105" max="15112" width="16.125" style="1" customWidth="1"/>
    <col min="15113" max="15113" width="13.125" style="1" customWidth="1"/>
    <col min="15114" max="15115" width="16.125" style="1" customWidth="1"/>
    <col min="15116" max="15116" width="2.625" style="1" customWidth="1"/>
    <col min="15117" max="15359" width="9" style="1"/>
    <col min="15360" max="15360" width="2.625" style="1" customWidth="1"/>
    <col min="15361" max="15368" width="16.125" style="1" customWidth="1"/>
    <col min="15369" max="15369" width="13.125" style="1" customWidth="1"/>
    <col min="15370" max="15371" width="16.125" style="1" customWidth="1"/>
    <col min="15372" max="15372" width="2.625" style="1" customWidth="1"/>
    <col min="15373" max="15615" width="9" style="1"/>
    <col min="15616" max="15616" width="2.625" style="1" customWidth="1"/>
    <col min="15617" max="15624" width="16.125" style="1" customWidth="1"/>
    <col min="15625" max="15625" width="13.125" style="1" customWidth="1"/>
    <col min="15626" max="15627" width="16.125" style="1" customWidth="1"/>
    <col min="15628" max="15628" width="2.625" style="1" customWidth="1"/>
    <col min="15629" max="15871" width="9" style="1"/>
    <col min="15872" max="15872" width="2.625" style="1" customWidth="1"/>
    <col min="15873" max="15880" width="16.125" style="1" customWidth="1"/>
    <col min="15881" max="15881" width="13.125" style="1" customWidth="1"/>
    <col min="15882" max="15883" width="16.125" style="1" customWidth="1"/>
    <col min="15884" max="15884" width="2.625" style="1" customWidth="1"/>
    <col min="15885" max="16127" width="9" style="1"/>
    <col min="16128" max="16128" width="2.625" style="1" customWidth="1"/>
    <col min="16129" max="16136" width="16.125" style="1" customWidth="1"/>
    <col min="16137" max="16137" width="13.125" style="1" customWidth="1"/>
    <col min="16138" max="16139" width="16.125" style="1" customWidth="1"/>
    <col min="16140" max="16140" width="2.625" style="1" customWidth="1"/>
    <col min="16141" max="16384" width="9" style="1"/>
  </cols>
  <sheetData>
    <row r="2" spans="2:12">
      <c r="B2" s="1" t="s">
        <v>29</v>
      </c>
    </row>
    <row r="3" spans="2:12" ht="14.25">
      <c r="B3" s="19" t="s">
        <v>26</v>
      </c>
      <c r="C3" s="19"/>
      <c r="D3" s="19"/>
      <c r="E3" s="19"/>
      <c r="F3" s="19"/>
      <c r="G3" s="19"/>
      <c r="H3" s="19"/>
      <c r="I3" s="19"/>
      <c r="J3" s="19"/>
      <c r="K3" s="19"/>
    </row>
    <row r="4" spans="2:12">
      <c r="H4" s="16" t="s">
        <v>27</v>
      </c>
      <c r="I4" s="16"/>
      <c r="J4" s="16"/>
      <c r="K4" s="16"/>
      <c r="L4" s="2"/>
    </row>
    <row r="5" spans="2:12">
      <c r="K5" s="3"/>
      <c r="L5" s="5"/>
    </row>
    <row r="6" spans="2:12" ht="39.6" customHeight="1">
      <c r="B6" s="20" t="s">
        <v>8</v>
      </c>
      <c r="C6" s="22" t="s">
        <v>9</v>
      </c>
      <c r="D6" s="6" t="s">
        <v>10</v>
      </c>
      <c r="E6" s="22" t="s">
        <v>11</v>
      </c>
      <c r="F6" s="22" t="s">
        <v>12</v>
      </c>
      <c r="G6" s="22" t="s">
        <v>13</v>
      </c>
      <c r="H6" s="22" t="s">
        <v>14</v>
      </c>
      <c r="I6" s="22" t="s">
        <v>15</v>
      </c>
      <c r="J6" s="24" t="s">
        <v>28</v>
      </c>
      <c r="K6" s="26" t="s">
        <v>16</v>
      </c>
    </row>
    <row r="7" spans="2:12">
      <c r="B7" s="21"/>
      <c r="C7" s="23"/>
      <c r="D7" s="7" t="s">
        <v>17</v>
      </c>
      <c r="E7" s="23"/>
      <c r="F7" s="23"/>
      <c r="G7" s="23"/>
      <c r="H7" s="23"/>
      <c r="I7" s="23"/>
      <c r="J7" s="25"/>
      <c r="K7" s="27"/>
    </row>
    <row r="8" spans="2:12">
      <c r="B8" s="17" t="s">
        <v>0</v>
      </c>
      <c r="C8" s="9" t="s">
        <v>1</v>
      </c>
      <c r="D8" s="9" t="s">
        <v>2</v>
      </c>
      <c r="E8" s="9" t="s">
        <v>3</v>
      </c>
      <c r="F8" s="9" t="s">
        <v>4</v>
      </c>
      <c r="G8" s="9" t="s">
        <v>18</v>
      </c>
      <c r="H8" s="9" t="s">
        <v>5</v>
      </c>
      <c r="I8" s="10" t="s">
        <v>6</v>
      </c>
      <c r="J8" s="10" t="s">
        <v>7</v>
      </c>
      <c r="K8" s="8"/>
    </row>
    <row r="9" spans="2:12">
      <c r="B9" s="47"/>
      <c r="C9" s="50">
        <v>0</v>
      </c>
      <c r="D9" s="31">
        <f>B9-C9</f>
        <v>0</v>
      </c>
      <c r="E9" s="53"/>
      <c r="F9" s="50">
        <v>0</v>
      </c>
      <c r="G9" s="28">
        <f>E9-F9</f>
        <v>0</v>
      </c>
      <c r="H9" s="31">
        <f>MIN(D9,G9)</f>
        <v>0</v>
      </c>
      <c r="I9" s="36">
        <v>0.75</v>
      </c>
      <c r="J9" s="39">
        <f>ROUNDDOWN(H9*I9,-3)</f>
        <v>0</v>
      </c>
      <c r="K9" s="42"/>
    </row>
    <row r="10" spans="2:12">
      <c r="B10" s="48"/>
      <c r="C10" s="51"/>
      <c r="D10" s="32"/>
      <c r="E10" s="54"/>
      <c r="F10" s="51"/>
      <c r="G10" s="29"/>
      <c r="H10" s="32"/>
      <c r="I10" s="37"/>
      <c r="J10" s="40"/>
      <c r="K10" s="43"/>
    </row>
    <row r="11" spans="2:12">
      <c r="B11" s="48"/>
      <c r="C11" s="51"/>
      <c r="D11" s="32"/>
      <c r="E11" s="54"/>
      <c r="F11" s="51"/>
      <c r="G11" s="29"/>
      <c r="H11" s="32"/>
      <c r="I11" s="37"/>
      <c r="J11" s="40"/>
      <c r="K11" s="43"/>
    </row>
    <row r="12" spans="2:12">
      <c r="B12" s="48"/>
      <c r="C12" s="51"/>
      <c r="D12" s="32"/>
      <c r="E12" s="54"/>
      <c r="F12" s="51"/>
      <c r="G12" s="29"/>
      <c r="H12" s="32"/>
      <c r="I12" s="37"/>
      <c r="J12" s="40"/>
      <c r="K12" s="43"/>
    </row>
    <row r="13" spans="2:12">
      <c r="B13" s="48"/>
      <c r="C13" s="51"/>
      <c r="D13" s="32"/>
      <c r="E13" s="54"/>
      <c r="F13" s="51"/>
      <c r="G13" s="29"/>
      <c r="H13" s="32"/>
      <c r="I13" s="37"/>
      <c r="J13" s="40"/>
      <c r="K13" s="43"/>
    </row>
    <row r="14" spans="2:12">
      <c r="B14" s="48"/>
      <c r="C14" s="51"/>
      <c r="D14" s="32"/>
      <c r="E14" s="54"/>
      <c r="F14" s="51"/>
      <c r="G14" s="29"/>
      <c r="H14" s="32"/>
      <c r="I14" s="37"/>
      <c r="J14" s="40"/>
      <c r="K14" s="43"/>
    </row>
    <row r="15" spans="2:12">
      <c r="B15" s="48"/>
      <c r="C15" s="51"/>
      <c r="D15" s="32"/>
      <c r="E15" s="54"/>
      <c r="F15" s="51"/>
      <c r="G15" s="29"/>
      <c r="H15" s="32"/>
      <c r="I15" s="37"/>
      <c r="J15" s="40"/>
      <c r="K15" s="43"/>
    </row>
    <row r="16" spans="2:12">
      <c r="B16" s="48"/>
      <c r="C16" s="51"/>
      <c r="D16" s="32"/>
      <c r="E16" s="54"/>
      <c r="F16" s="51"/>
      <c r="G16" s="29"/>
      <c r="H16" s="32"/>
      <c r="I16" s="37"/>
      <c r="J16" s="40"/>
      <c r="K16" s="43"/>
    </row>
    <row r="17" spans="2:12">
      <c r="B17" s="48"/>
      <c r="C17" s="51"/>
      <c r="D17" s="32"/>
      <c r="E17" s="54"/>
      <c r="F17" s="51"/>
      <c r="G17" s="29"/>
      <c r="H17" s="32"/>
      <c r="I17" s="37"/>
      <c r="J17" s="40"/>
      <c r="K17" s="43"/>
    </row>
    <row r="18" spans="2:12">
      <c r="B18" s="48"/>
      <c r="C18" s="51"/>
      <c r="D18" s="32"/>
      <c r="E18" s="54"/>
      <c r="F18" s="51"/>
      <c r="G18" s="29"/>
      <c r="H18" s="32"/>
      <c r="I18" s="37"/>
      <c r="J18" s="40"/>
      <c r="K18" s="43"/>
    </row>
    <row r="19" spans="2:12">
      <c r="B19" s="49"/>
      <c r="C19" s="52"/>
      <c r="D19" s="33"/>
      <c r="E19" s="55"/>
      <c r="F19" s="52"/>
      <c r="G19" s="30"/>
      <c r="H19" s="33"/>
      <c r="I19" s="38"/>
      <c r="J19" s="41"/>
      <c r="K19" s="44"/>
    </row>
    <row r="20" spans="2:12">
      <c r="B20" s="18">
        <f>SUM(B9)</f>
        <v>0</v>
      </c>
      <c r="C20" s="11">
        <f t="shared" ref="C20:H20" si="0">SUM(C9)</f>
        <v>0</v>
      </c>
      <c r="D20" s="11">
        <f>SUM(D9)</f>
        <v>0</v>
      </c>
      <c r="E20" s="11">
        <f>SUM(E9)</f>
        <v>0</v>
      </c>
      <c r="F20" s="11">
        <f t="shared" si="0"/>
        <v>0</v>
      </c>
      <c r="G20" s="11">
        <f t="shared" si="0"/>
        <v>0</v>
      </c>
      <c r="H20" s="11">
        <f t="shared" si="0"/>
        <v>0</v>
      </c>
      <c r="I20" s="11"/>
      <c r="J20" s="11">
        <f>SUM(J9)</f>
        <v>0</v>
      </c>
      <c r="K20" s="12"/>
    </row>
    <row r="21" spans="2:12">
      <c r="B21" s="4"/>
      <c r="C21" s="13"/>
      <c r="D21" s="13"/>
      <c r="E21" s="13"/>
      <c r="F21" s="13"/>
      <c r="G21" s="13"/>
      <c r="H21" s="13"/>
      <c r="I21" s="13"/>
      <c r="J21" s="13"/>
      <c r="K21" s="13"/>
    </row>
    <row r="22" spans="2:12">
      <c r="B22" s="45" t="s">
        <v>19</v>
      </c>
      <c r="C22" s="45"/>
      <c r="D22" s="45"/>
      <c r="E22" s="45"/>
      <c r="F22" s="45"/>
      <c r="G22" s="45"/>
      <c r="H22" s="45"/>
      <c r="I22" s="45"/>
      <c r="J22" s="45"/>
      <c r="K22" s="45"/>
    </row>
    <row r="23" spans="2:12">
      <c r="B23" s="46" t="s">
        <v>20</v>
      </c>
      <c r="C23" s="46"/>
      <c r="D23" s="46"/>
      <c r="E23" s="46"/>
      <c r="F23" s="46"/>
      <c r="G23" s="46"/>
      <c r="H23" s="46"/>
      <c r="I23" s="46"/>
      <c r="J23" s="46"/>
      <c r="K23" s="46"/>
    </row>
    <row r="24" spans="2:12">
      <c r="B24" s="14" t="s">
        <v>21</v>
      </c>
      <c r="C24" s="14"/>
      <c r="D24" s="14"/>
      <c r="E24" s="14"/>
      <c r="F24" s="14"/>
      <c r="G24" s="14"/>
      <c r="H24" s="14"/>
      <c r="I24" s="14"/>
      <c r="J24" s="14"/>
      <c r="K24" s="14"/>
    </row>
    <row r="25" spans="2:12">
      <c r="B25" s="14" t="s">
        <v>22</v>
      </c>
      <c r="C25" s="14"/>
      <c r="D25" s="14"/>
      <c r="E25" s="14"/>
      <c r="F25" s="14"/>
      <c r="G25" s="14"/>
      <c r="H25" s="14"/>
      <c r="I25" s="14"/>
      <c r="J25" s="14"/>
      <c r="K25" s="14"/>
    </row>
    <row r="26" spans="2:12">
      <c r="B26" s="45" t="s">
        <v>23</v>
      </c>
      <c r="C26" s="45"/>
      <c r="D26" s="45"/>
      <c r="E26" s="45"/>
      <c r="F26" s="45"/>
      <c r="G26" s="45"/>
      <c r="H26" s="45"/>
      <c r="I26" s="45"/>
      <c r="J26" s="45"/>
      <c r="K26" s="45"/>
    </row>
    <row r="27" spans="2:12">
      <c r="B27" s="34" t="s">
        <v>24</v>
      </c>
      <c r="C27" s="34"/>
      <c r="D27" s="34"/>
      <c r="E27" s="34"/>
      <c r="F27" s="34"/>
      <c r="G27" s="34"/>
      <c r="H27" s="34"/>
      <c r="I27" s="34"/>
      <c r="J27" s="34"/>
      <c r="K27" s="34"/>
      <c r="L27" s="34"/>
    </row>
    <row r="28" spans="2:12">
      <c r="B28" s="15" t="s">
        <v>25</v>
      </c>
      <c r="C28" s="15"/>
      <c r="D28" s="15"/>
      <c r="E28" s="15"/>
      <c r="F28" s="15"/>
      <c r="G28" s="15"/>
      <c r="H28" s="15"/>
      <c r="I28" s="15"/>
      <c r="J28" s="15"/>
      <c r="K28" s="15"/>
      <c r="L28" s="15"/>
    </row>
    <row r="29" spans="2:12">
      <c r="B29" s="35"/>
      <c r="C29" s="35"/>
      <c r="D29" s="35"/>
      <c r="E29" s="35"/>
      <c r="F29" s="35"/>
      <c r="G29" s="35"/>
      <c r="H29" s="35"/>
      <c r="I29" s="35"/>
      <c r="J29" s="35"/>
      <c r="K29" s="35"/>
    </row>
    <row r="30" spans="2:12">
      <c r="B30" s="35"/>
      <c r="C30" s="35"/>
      <c r="D30" s="35"/>
      <c r="E30" s="35"/>
      <c r="F30" s="35"/>
      <c r="G30" s="35"/>
      <c r="H30" s="35"/>
      <c r="I30" s="35"/>
      <c r="J30" s="35"/>
      <c r="K30" s="35"/>
    </row>
  </sheetData>
  <mergeCells count="26">
    <mergeCell ref="G9:G19"/>
    <mergeCell ref="H9:H19"/>
    <mergeCell ref="B27:L27"/>
    <mergeCell ref="B29:K29"/>
    <mergeCell ref="B30:K30"/>
    <mergeCell ref="I9:I19"/>
    <mergeCell ref="J9:J19"/>
    <mergeCell ref="K9:K19"/>
    <mergeCell ref="B22:K22"/>
    <mergeCell ref="B23:K23"/>
    <mergeCell ref="B26:K26"/>
    <mergeCell ref="B9:B19"/>
    <mergeCell ref="C9:C19"/>
    <mergeCell ref="D9:D19"/>
    <mergeCell ref="E9:E19"/>
    <mergeCell ref="F9:F19"/>
    <mergeCell ref="B3:K3"/>
    <mergeCell ref="B6:B7"/>
    <mergeCell ref="C6:C7"/>
    <mergeCell ref="E6:E7"/>
    <mergeCell ref="F6:F7"/>
    <mergeCell ref="G6:G7"/>
    <mergeCell ref="H6:H7"/>
    <mergeCell ref="I6:I7"/>
    <mergeCell ref="J6:J7"/>
    <mergeCell ref="K6:K7"/>
  </mergeCells>
  <phoneticPr fontId="1"/>
  <pageMargins left="0.31496062992125984" right="0.11811023622047245" top="0.94488188976377963" bottom="0.55118110236220474" header="0.31496062992125984" footer="0.31496062992125984"/>
  <pageSetup paperSize="9" scale="83" fitToHeight="0" orientation="landscape" r:id="rId1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１別紙２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3-07-27T07:50:10Z</cp:lastPrinted>
  <dcterms:created xsi:type="dcterms:W3CDTF">1997-01-08T22:48:59Z</dcterms:created>
  <dcterms:modified xsi:type="dcterms:W3CDTF">2023-10-31T02:51:06Z</dcterms:modified>
</cp:coreProperties>
</file>